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100_2022 - Drôty rôznych veľkostí\02. Príprava\03. PTK\00. Pracovná verzia\"/>
    </mc:Choice>
  </mc:AlternateContent>
  <bookViews>
    <workbookView xWindow="-120" yWindow="-120" windowWidth="24240" windowHeight="13140"/>
  </bookViews>
  <sheets>
    <sheet name="Kalkulácia ceny" sheetId="3" r:id="rId1"/>
  </sheets>
  <definedNames>
    <definedName name="_xlnm.Print_Area" localSheetId="0">'Kalkulácia ceny'!$A$1:$M$55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11" i="3" l="1"/>
  <c r="M11" i="3" l="1"/>
</calcChain>
</file>

<file path=xl/sharedStrings.xml><?xml version="1.0" encoding="utf-8"?>
<sst xmlns="http://schemas.openxmlformats.org/spreadsheetml/2006/main" count="169" uniqueCount="62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Predpokladané množstvo na zmluvné obdobie
(12 mes.)</t>
  </si>
  <si>
    <t>Drôty rôznych veľkostí</t>
  </si>
  <si>
    <t>Drôt, typ č. 1</t>
  </si>
  <si>
    <t>Drôt, typ č. 2</t>
  </si>
  <si>
    <t>Drôt, typ č. 3</t>
  </si>
  <si>
    <t>Drôt, typ č. 4</t>
  </si>
  <si>
    <t>Sortiment položky č. 1 -   Drôt, typ č. 1</t>
  </si>
  <si>
    <t>Sortiment položky č. 2 -   Drôt, typ č. 2</t>
  </si>
  <si>
    <t>Sortiment položky č. 3 -   Drôt, typ č. 3</t>
  </si>
  <si>
    <t>Sortiment položky č. 4 -    Drôt, typ č. 4</t>
  </si>
  <si>
    <t>12 ks</t>
  </si>
  <si>
    <t>4 590 ks</t>
  </si>
  <si>
    <t>32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0" fontId="2" fillId="6" borderId="20" xfId="0" applyFont="1" applyFill="1" applyBorder="1" applyAlignment="1" applyProtection="1">
      <alignment horizontal="center" vertical="center" wrapText="1"/>
      <protection locked="0"/>
    </xf>
    <xf numFmtId="0" fontId="2" fillId="6" borderId="21" xfId="0" applyFont="1" applyFill="1" applyBorder="1" applyAlignment="1" applyProtection="1">
      <alignment horizontal="center" vertical="center" wrapText="1"/>
      <protection locked="0"/>
    </xf>
    <xf numFmtId="0" fontId="2" fillId="6" borderId="22" xfId="0" applyFont="1" applyFill="1" applyBorder="1" applyAlignment="1" applyProtection="1">
      <alignment horizontal="center" vertical="center" wrapText="1"/>
      <protection locked="0"/>
    </xf>
    <xf numFmtId="0" fontId="2" fillId="6" borderId="10" xfId="0" applyFont="1" applyFill="1" applyBorder="1" applyAlignment="1" applyProtection="1">
      <alignment horizontal="center" vertical="center" wrapText="1"/>
      <protection locked="0"/>
    </xf>
    <xf numFmtId="0" fontId="2" fillId="6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0" fontId="12" fillId="0" borderId="35" xfId="0" applyFont="1" applyBorder="1" applyAlignment="1" applyProtection="1">
      <alignment horizontal="center" vertical="center" wrapText="1"/>
      <protection locked="0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10" fillId="0" borderId="35" xfId="0" applyFont="1" applyBorder="1" applyAlignment="1" applyProtection="1">
      <alignment horizontal="center" vertical="center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6" borderId="18" xfId="0" applyFont="1" applyFill="1" applyBorder="1" applyAlignment="1" applyProtection="1">
      <alignment horizontal="center" vertical="top" wrapText="1"/>
      <protection locked="0"/>
    </xf>
    <xf numFmtId="0" fontId="3" fillId="6" borderId="19" xfId="0" applyFont="1" applyFill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left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0" borderId="52" xfId="0" applyFont="1" applyBorder="1" applyAlignment="1" applyProtection="1">
      <alignment horizontal="center" vertical="top" wrapText="1"/>
      <protection locked="0"/>
    </xf>
    <xf numFmtId="0" fontId="3" fillId="0" borderId="53" xfId="0" applyFont="1" applyBorder="1" applyAlignment="1" applyProtection="1">
      <alignment horizontal="center" vertical="top" wrapText="1"/>
      <protection locked="0"/>
    </xf>
    <xf numFmtId="49" fontId="2" fillId="0" borderId="55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57" xfId="0" applyNumberFormat="1" applyFont="1" applyFill="1" applyBorder="1" applyAlignment="1" applyProtection="1">
      <alignment horizontal="center" vertical="center" wrapText="1"/>
      <protection locked="0"/>
    </xf>
    <xf numFmtId="165" fontId="2" fillId="5" borderId="28" xfId="0" applyNumberFormat="1" applyFont="1" applyFill="1" applyBorder="1" applyAlignment="1" applyProtection="1">
      <alignment horizontal="right" vertical="center" wrapText="1"/>
      <protection locked="0"/>
    </xf>
    <xf numFmtId="165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5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5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165" fontId="2" fillId="4" borderId="32" xfId="0" applyNumberFormat="1" applyFont="1" applyFill="1" applyBorder="1" applyAlignment="1" applyProtection="1">
      <alignment horizontal="right" vertical="center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59"/>
  <sheetViews>
    <sheetView showGridLines="0" tabSelected="1" zoomScaleNormal="10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26" t="s">
        <v>24</v>
      </c>
      <c r="B1" s="126"/>
      <c r="C1" s="126"/>
      <c r="D1" s="126"/>
      <c r="E1" s="126"/>
      <c r="F1" s="126"/>
      <c r="G1" s="126"/>
      <c r="H1" s="126"/>
      <c r="I1" s="126"/>
      <c r="J1" s="126"/>
      <c r="K1" s="126"/>
      <c r="L1" s="126"/>
      <c r="M1" s="126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33" t="s">
        <v>50</v>
      </c>
      <c r="B3" s="133"/>
      <c r="C3" s="133"/>
      <c r="D3" s="133"/>
      <c r="E3" s="133"/>
      <c r="F3" s="133"/>
      <c r="G3" s="133"/>
      <c r="H3" s="133"/>
      <c r="I3" s="133"/>
      <c r="J3" s="133"/>
      <c r="K3" s="133"/>
      <c r="L3" s="133"/>
    </row>
    <row r="4" spans="1:62" s="44" customFormat="1" ht="33" customHeight="1" x14ac:dyDescent="0.25">
      <c r="A4" s="134" t="s">
        <v>25</v>
      </c>
      <c r="B4" s="136" t="s">
        <v>26</v>
      </c>
      <c r="C4" s="134" t="s">
        <v>47</v>
      </c>
      <c r="D4" s="138" t="s">
        <v>31</v>
      </c>
      <c r="E4" s="119" t="s">
        <v>32</v>
      </c>
      <c r="F4" s="119" t="s">
        <v>33</v>
      </c>
      <c r="G4" s="119" t="s">
        <v>34</v>
      </c>
      <c r="H4" s="98" t="s">
        <v>35</v>
      </c>
      <c r="I4" s="121" t="s">
        <v>36</v>
      </c>
      <c r="J4" s="122"/>
      <c r="K4" s="122"/>
      <c r="L4" s="121" t="s">
        <v>37</v>
      </c>
      <c r="M4" s="123"/>
      <c r="O4" s="50"/>
      <c r="P4" s="50"/>
    </row>
    <row r="5" spans="1:62" s="44" customFormat="1" ht="33" customHeight="1" x14ac:dyDescent="0.25">
      <c r="A5" s="135"/>
      <c r="B5" s="137"/>
      <c r="C5" s="135"/>
      <c r="D5" s="139"/>
      <c r="E5" s="120"/>
      <c r="F5" s="120"/>
      <c r="G5" s="120"/>
      <c r="H5" s="99"/>
      <c r="I5" s="100" t="s">
        <v>28</v>
      </c>
      <c r="J5" s="101" t="s">
        <v>38</v>
      </c>
      <c r="K5" s="102" t="s">
        <v>30</v>
      </c>
      <c r="L5" s="103" t="s">
        <v>28</v>
      </c>
      <c r="M5" s="104" t="s">
        <v>30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9</v>
      </c>
      <c r="K6" s="53" t="s">
        <v>40</v>
      </c>
      <c r="L6" s="53" t="s">
        <v>41</v>
      </c>
      <c r="M6" s="53" t="s">
        <v>42</v>
      </c>
      <c r="O6" s="54"/>
      <c r="P6" s="54"/>
    </row>
    <row r="7" spans="1:62" s="46" customFormat="1" ht="39.75" customHeight="1" x14ac:dyDescent="0.25">
      <c r="A7" s="55" t="s">
        <v>0</v>
      </c>
      <c r="B7" s="56" t="s">
        <v>51</v>
      </c>
      <c r="C7" s="55" t="s">
        <v>48</v>
      </c>
      <c r="D7" s="111">
        <v>12</v>
      </c>
      <c r="E7" s="57"/>
      <c r="F7" s="57"/>
      <c r="G7" s="57"/>
      <c r="H7" s="58"/>
      <c r="I7" s="145"/>
      <c r="J7" s="59"/>
      <c r="K7" s="146"/>
      <c r="L7" s="147"/>
      <c r="M7" s="148"/>
      <c r="O7" s="54"/>
      <c r="P7" s="54"/>
    </row>
    <row r="8" spans="1:62" s="46" customFormat="1" ht="39.75" customHeight="1" x14ac:dyDescent="0.25">
      <c r="A8" s="55" t="s">
        <v>12</v>
      </c>
      <c r="B8" s="56" t="s">
        <v>52</v>
      </c>
      <c r="C8" s="55" t="s">
        <v>48</v>
      </c>
      <c r="D8" s="111">
        <v>12</v>
      </c>
      <c r="E8" s="57"/>
      <c r="F8" s="57"/>
      <c r="G8" s="57"/>
      <c r="H8" s="58"/>
      <c r="I8" s="145"/>
      <c r="J8" s="59"/>
      <c r="K8" s="146"/>
      <c r="L8" s="147"/>
      <c r="M8" s="148"/>
      <c r="O8" s="54"/>
      <c r="P8" s="54"/>
    </row>
    <row r="9" spans="1:62" s="46" customFormat="1" ht="39.75" customHeight="1" x14ac:dyDescent="0.25">
      <c r="A9" s="55" t="s">
        <v>13</v>
      </c>
      <c r="B9" s="56" t="s">
        <v>53</v>
      </c>
      <c r="C9" s="55" t="s">
        <v>48</v>
      </c>
      <c r="D9" s="111">
        <v>4590</v>
      </c>
      <c r="E9" s="57"/>
      <c r="F9" s="57"/>
      <c r="G9" s="57"/>
      <c r="H9" s="58"/>
      <c r="I9" s="145"/>
      <c r="J9" s="59"/>
      <c r="K9" s="146"/>
      <c r="L9" s="147"/>
      <c r="M9" s="148"/>
      <c r="O9" s="54"/>
      <c r="P9" s="54"/>
    </row>
    <row r="10" spans="1:62" s="46" customFormat="1" ht="39.75" customHeight="1" thickBot="1" x14ac:dyDescent="0.3">
      <c r="A10" s="55" t="s">
        <v>14</v>
      </c>
      <c r="B10" s="56" t="s">
        <v>54</v>
      </c>
      <c r="C10" s="55" t="s">
        <v>48</v>
      </c>
      <c r="D10" s="111">
        <v>320</v>
      </c>
      <c r="E10" s="57"/>
      <c r="F10" s="57"/>
      <c r="G10" s="57"/>
      <c r="H10" s="58"/>
      <c r="I10" s="145"/>
      <c r="J10" s="59"/>
      <c r="K10" s="146"/>
      <c r="L10" s="147"/>
      <c r="M10" s="148"/>
      <c r="O10" s="54"/>
      <c r="P10" s="54"/>
    </row>
    <row r="11" spans="1:62" s="47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149">
        <f>SUM(L7:L10)</f>
        <v>0</v>
      </c>
      <c r="M11" s="149">
        <f>SUM(M7:M10)</f>
        <v>0</v>
      </c>
      <c r="O11" s="63"/>
      <c r="P11" s="63"/>
    </row>
    <row r="12" spans="1:62" s="48" customFormat="1" ht="29.25" customHeight="1" thickBot="1" x14ac:dyDescent="0.3">
      <c r="A12" s="130" t="s">
        <v>55</v>
      </c>
      <c r="B12" s="130"/>
      <c r="C12" s="130"/>
      <c r="D12" s="130"/>
      <c r="E12" s="130"/>
      <c r="F12" s="130"/>
      <c r="G12" s="130"/>
      <c r="H12" s="130"/>
      <c r="I12" s="130"/>
      <c r="J12" s="130"/>
      <c r="K12" s="130"/>
      <c r="L12" s="64"/>
      <c r="M12" s="64"/>
      <c r="N12" s="64"/>
      <c r="O12" s="64"/>
      <c r="P12" s="64"/>
    </row>
    <row r="13" spans="1:62" s="39" customFormat="1" ht="33" customHeight="1" x14ac:dyDescent="0.25">
      <c r="A13" s="131" t="s">
        <v>25</v>
      </c>
      <c r="B13" s="124" t="s">
        <v>43</v>
      </c>
      <c r="C13" s="124" t="s">
        <v>44</v>
      </c>
      <c r="D13" s="124" t="s">
        <v>33</v>
      </c>
      <c r="E13" s="124" t="s">
        <v>35</v>
      </c>
      <c r="F13" s="124" t="s">
        <v>45</v>
      </c>
      <c r="G13" s="124" t="s">
        <v>46</v>
      </c>
      <c r="H13" s="127" t="s">
        <v>27</v>
      </c>
      <c r="I13" s="128"/>
      <c r="J13" s="129"/>
      <c r="K13" s="140" t="s">
        <v>49</v>
      </c>
      <c r="M13" s="50"/>
      <c r="N13" s="50"/>
      <c r="O13" s="50"/>
      <c r="P13" s="50"/>
    </row>
    <row r="14" spans="1:62" s="39" customFormat="1" ht="22.5" customHeight="1" x14ac:dyDescent="0.25">
      <c r="A14" s="132"/>
      <c r="B14" s="125"/>
      <c r="C14" s="125"/>
      <c r="D14" s="125"/>
      <c r="E14" s="125"/>
      <c r="F14" s="125"/>
      <c r="G14" s="125"/>
      <c r="H14" s="51" t="s">
        <v>28</v>
      </c>
      <c r="I14" s="52" t="s">
        <v>29</v>
      </c>
      <c r="J14" s="65" t="s">
        <v>30</v>
      </c>
      <c r="K14" s="141"/>
      <c r="M14" s="50"/>
      <c r="N14" s="50"/>
      <c r="O14" s="50"/>
      <c r="P14" s="50"/>
    </row>
    <row r="15" spans="1:62" s="40" customFormat="1" ht="14.1" customHeight="1" x14ac:dyDescent="0.25">
      <c r="A15" s="66" t="s">
        <v>0</v>
      </c>
      <c r="B15" s="67" t="s">
        <v>12</v>
      </c>
      <c r="C15" s="67" t="s">
        <v>13</v>
      </c>
      <c r="D15" s="68" t="s">
        <v>14</v>
      </c>
      <c r="E15" s="69" t="s">
        <v>15</v>
      </c>
      <c r="F15" s="68" t="s">
        <v>16</v>
      </c>
      <c r="G15" s="53" t="s">
        <v>17</v>
      </c>
      <c r="H15" s="70" t="s">
        <v>18</v>
      </c>
      <c r="I15" s="71" t="s">
        <v>19</v>
      </c>
      <c r="J15" s="72" t="s">
        <v>39</v>
      </c>
      <c r="K15" s="109" t="s">
        <v>40</v>
      </c>
      <c r="L15" s="110"/>
      <c r="M15" s="73"/>
      <c r="N15" s="73"/>
      <c r="O15" s="73"/>
      <c r="P15" s="73"/>
      <c r="Q15" s="49"/>
      <c r="R15" s="49"/>
      <c r="S15" s="49"/>
      <c r="T15" s="49"/>
      <c r="U15" s="49"/>
      <c r="V15" s="49"/>
      <c r="W15" s="49"/>
      <c r="X15" s="49"/>
      <c r="Y15" s="49"/>
      <c r="Z15" s="49"/>
      <c r="AA15" s="49"/>
      <c r="AB15" s="49"/>
      <c r="AC15" s="49"/>
      <c r="AD15" s="49"/>
      <c r="AE15" s="49"/>
      <c r="AF15" s="49"/>
      <c r="AG15" s="49"/>
      <c r="AH15" s="49"/>
      <c r="AI15" s="49"/>
      <c r="AJ15" s="49"/>
      <c r="AK15" s="49"/>
      <c r="AL15" s="49"/>
      <c r="AM15" s="49"/>
      <c r="AN15" s="49"/>
      <c r="AO15" s="49"/>
      <c r="AP15" s="49"/>
      <c r="AQ15" s="49"/>
      <c r="AR15" s="49"/>
      <c r="AS15" s="49"/>
      <c r="AT15" s="49"/>
      <c r="AU15" s="49"/>
      <c r="AV15" s="49"/>
      <c r="AW15" s="49"/>
      <c r="AX15" s="49"/>
      <c r="AY15" s="49"/>
      <c r="AZ15" s="49"/>
      <c r="BA15" s="49"/>
      <c r="BB15" s="49"/>
      <c r="BC15" s="49"/>
      <c r="BD15" s="49"/>
      <c r="BE15" s="49"/>
      <c r="BF15" s="49"/>
      <c r="BG15" s="49"/>
      <c r="BH15" s="49"/>
      <c r="BI15" s="49"/>
      <c r="BJ15" s="49"/>
    </row>
    <row r="16" spans="1:62" s="41" customFormat="1" ht="33" customHeight="1" x14ac:dyDescent="0.25">
      <c r="A16" s="74" t="s">
        <v>0</v>
      </c>
      <c r="B16" s="75"/>
      <c r="C16" s="76"/>
      <c r="D16" s="105"/>
      <c r="E16" s="105"/>
      <c r="F16" s="105"/>
      <c r="G16" s="105"/>
      <c r="H16" s="77"/>
      <c r="I16" s="78"/>
      <c r="J16" s="79"/>
      <c r="K16" s="142" t="s">
        <v>59</v>
      </c>
      <c r="L16" s="108"/>
      <c r="M16" s="54"/>
      <c r="N16" s="54"/>
      <c r="O16" s="54"/>
      <c r="P16" s="54"/>
    </row>
    <row r="17" spans="1:62" s="41" customFormat="1" ht="33" customHeight="1" x14ac:dyDescent="0.25">
      <c r="A17" s="80" t="s">
        <v>12</v>
      </c>
      <c r="B17" s="81"/>
      <c r="C17" s="82"/>
      <c r="D17" s="106"/>
      <c r="E17" s="106"/>
      <c r="F17" s="106"/>
      <c r="G17" s="107"/>
      <c r="H17" s="83"/>
      <c r="I17" s="84"/>
      <c r="J17" s="85"/>
      <c r="K17" s="143"/>
      <c r="L17" s="108"/>
      <c r="M17" s="54"/>
      <c r="N17" s="54"/>
      <c r="O17" s="54"/>
      <c r="P17" s="54"/>
    </row>
    <row r="18" spans="1:62" s="41" customFormat="1" ht="33" customHeight="1" thickBot="1" x14ac:dyDescent="0.3">
      <c r="A18" s="86" t="s">
        <v>13</v>
      </c>
      <c r="B18" s="87"/>
      <c r="C18" s="88"/>
      <c r="D18" s="89"/>
      <c r="E18" s="89"/>
      <c r="F18" s="89"/>
      <c r="G18" s="89"/>
      <c r="H18" s="90"/>
      <c r="I18" s="91"/>
      <c r="J18" s="92"/>
      <c r="K18" s="144"/>
      <c r="L18" s="108"/>
      <c r="M18" s="54"/>
      <c r="N18" s="54"/>
      <c r="O18" s="54"/>
      <c r="P18" s="54"/>
    </row>
    <row r="19" spans="1:62" s="13" customFormat="1" ht="15.75" customHeight="1" x14ac:dyDescent="0.2">
      <c r="A19" s="23"/>
      <c r="B19" s="23"/>
      <c r="C19" s="10"/>
      <c r="D19" s="42"/>
      <c r="F19" s="14"/>
      <c r="G19" s="14"/>
      <c r="H19" s="14"/>
      <c r="I19" s="14"/>
      <c r="J19" s="26"/>
      <c r="K19" s="26"/>
      <c r="L19" s="26"/>
      <c r="M19" s="10"/>
    </row>
    <row r="20" spans="1:62" s="48" customFormat="1" ht="29.25" customHeight="1" thickBot="1" x14ac:dyDescent="0.3">
      <c r="A20" s="130" t="s">
        <v>56</v>
      </c>
      <c r="B20" s="130"/>
      <c r="C20" s="130"/>
      <c r="D20" s="130"/>
      <c r="E20" s="130"/>
      <c r="F20" s="130"/>
      <c r="G20" s="130"/>
      <c r="H20" s="130"/>
      <c r="I20" s="130"/>
      <c r="J20" s="130"/>
      <c r="K20" s="130"/>
      <c r="L20" s="64"/>
      <c r="M20" s="64"/>
      <c r="N20" s="64"/>
      <c r="O20" s="64"/>
      <c r="P20" s="64"/>
    </row>
    <row r="21" spans="1:62" s="39" customFormat="1" ht="33" customHeight="1" x14ac:dyDescent="0.25">
      <c r="A21" s="131" t="s">
        <v>25</v>
      </c>
      <c r="B21" s="124" t="s">
        <v>43</v>
      </c>
      <c r="C21" s="124" t="s">
        <v>44</v>
      </c>
      <c r="D21" s="124" t="s">
        <v>33</v>
      </c>
      <c r="E21" s="124" t="s">
        <v>35</v>
      </c>
      <c r="F21" s="124" t="s">
        <v>45</v>
      </c>
      <c r="G21" s="124" t="s">
        <v>46</v>
      </c>
      <c r="H21" s="127" t="s">
        <v>27</v>
      </c>
      <c r="I21" s="128"/>
      <c r="J21" s="129"/>
      <c r="K21" s="140" t="s">
        <v>49</v>
      </c>
      <c r="M21" s="50"/>
      <c r="N21" s="50"/>
      <c r="O21" s="50"/>
      <c r="P21" s="50"/>
    </row>
    <row r="22" spans="1:62" s="39" customFormat="1" ht="22.5" customHeight="1" x14ac:dyDescent="0.25">
      <c r="A22" s="132"/>
      <c r="B22" s="125"/>
      <c r="C22" s="125"/>
      <c r="D22" s="125"/>
      <c r="E22" s="125"/>
      <c r="F22" s="125"/>
      <c r="G22" s="125"/>
      <c r="H22" s="51" t="s">
        <v>28</v>
      </c>
      <c r="I22" s="52" t="s">
        <v>29</v>
      </c>
      <c r="J22" s="65" t="s">
        <v>30</v>
      </c>
      <c r="K22" s="141"/>
      <c r="M22" s="50"/>
      <c r="N22" s="50"/>
      <c r="O22" s="50"/>
      <c r="P22" s="50"/>
    </row>
    <row r="23" spans="1:62" s="40" customFormat="1" ht="14.1" customHeight="1" x14ac:dyDescent="0.25">
      <c r="A23" s="66" t="s">
        <v>0</v>
      </c>
      <c r="B23" s="67" t="s">
        <v>12</v>
      </c>
      <c r="C23" s="67" t="s">
        <v>13</v>
      </c>
      <c r="D23" s="68" t="s">
        <v>14</v>
      </c>
      <c r="E23" s="69" t="s">
        <v>15</v>
      </c>
      <c r="F23" s="68" t="s">
        <v>16</v>
      </c>
      <c r="G23" s="53" t="s">
        <v>17</v>
      </c>
      <c r="H23" s="70" t="s">
        <v>18</v>
      </c>
      <c r="I23" s="71" t="s">
        <v>19</v>
      </c>
      <c r="J23" s="72" t="s">
        <v>39</v>
      </c>
      <c r="K23" s="109" t="s">
        <v>40</v>
      </c>
      <c r="L23" s="110"/>
      <c r="M23" s="73"/>
      <c r="N23" s="73"/>
      <c r="O23" s="73"/>
      <c r="P23" s="73"/>
      <c r="Q23" s="49"/>
      <c r="R23" s="49"/>
      <c r="S23" s="49"/>
      <c r="T23" s="49"/>
      <c r="U23" s="49"/>
      <c r="V23" s="49"/>
      <c r="W23" s="49"/>
      <c r="X23" s="49"/>
      <c r="Y23" s="49"/>
      <c r="Z23" s="49"/>
      <c r="AA23" s="49"/>
      <c r="AB23" s="49"/>
      <c r="AC23" s="49"/>
      <c r="AD23" s="49"/>
      <c r="AE23" s="49"/>
      <c r="AF23" s="49"/>
      <c r="AG23" s="49"/>
      <c r="AH23" s="49"/>
      <c r="AI23" s="49"/>
      <c r="AJ23" s="49"/>
      <c r="AK23" s="49"/>
      <c r="AL23" s="49"/>
      <c r="AM23" s="49"/>
      <c r="AN23" s="49"/>
      <c r="AO23" s="49"/>
      <c r="AP23" s="49"/>
      <c r="AQ23" s="49"/>
      <c r="AR23" s="49"/>
      <c r="AS23" s="49"/>
      <c r="AT23" s="49"/>
      <c r="AU23" s="49"/>
      <c r="AV23" s="49"/>
      <c r="AW23" s="49"/>
      <c r="AX23" s="49"/>
      <c r="AY23" s="49"/>
      <c r="AZ23" s="49"/>
      <c r="BA23" s="49"/>
      <c r="BB23" s="49"/>
      <c r="BC23" s="49"/>
      <c r="BD23" s="49"/>
      <c r="BE23" s="49"/>
      <c r="BF23" s="49"/>
      <c r="BG23" s="49"/>
      <c r="BH23" s="49"/>
      <c r="BI23" s="49"/>
      <c r="BJ23" s="49"/>
    </row>
    <row r="24" spans="1:62" s="41" customFormat="1" ht="33" customHeight="1" x14ac:dyDescent="0.25">
      <c r="A24" s="74" t="s">
        <v>0</v>
      </c>
      <c r="B24" s="75"/>
      <c r="C24" s="76"/>
      <c r="D24" s="105"/>
      <c r="E24" s="105"/>
      <c r="F24" s="105"/>
      <c r="G24" s="105"/>
      <c r="H24" s="77"/>
      <c r="I24" s="78"/>
      <c r="J24" s="79"/>
      <c r="K24" s="142" t="s">
        <v>59</v>
      </c>
      <c r="L24" s="108"/>
      <c r="M24" s="54"/>
      <c r="N24" s="54"/>
      <c r="O24" s="54"/>
      <c r="P24" s="54"/>
    </row>
    <row r="25" spans="1:62" s="41" customFormat="1" ht="33" customHeight="1" x14ac:dyDescent="0.25">
      <c r="A25" s="80" t="s">
        <v>12</v>
      </c>
      <c r="B25" s="81"/>
      <c r="C25" s="82"/>
      <c r="D25" s="106"/>
      <c r="E25" s="106"/>
      <c r="F25" s="106"/>
      <c r="G25" s="107"/>
      <c r="H25" s="83"/>
      <c r="I25" s="84"/>
      <c r="J25" s="85"/>
      <c r="K25" s="143"/>
      <c r="L25" s="108"/>
      <c r="M25" s="54"/>
      <c r="N25" s="54"/>
      <c r="O25" s="54"/>
      <c r="P25" s="54"/>
    </row>
    <row r="26" spans="1:62" s="41" customFormat="1" ht="33" customHeight="1" thickBot="1" x14ac:dyDescent="0.3">
      <c r="A26" s="86" t="s">
        <v>13</v>
      </c>
      <c r="B26" s="87"/>
      <c r="C26" s="88"/>
      <c r="D26" s="89"/>
      <c r="E26" s="89"/>
      <c r="F26" s="89"/>
      <c r="G26" s="89"/>
      <c r="H26" s="90"/>
      <c r="I26" s="91"/>
      <c r="J26" s="92"/>
      <c r="K26" s="144"/>
      <c r="L26" s="108"/>
      <c r="M26" s="54"/>
      <c r="N26" s="54"/>
      <c r="O26" s="54"/>
      <c r="P26" s="54"/>
    </row>
    <row r="27" spans="1:62" s="13" customFormat="1" ht="15.75" customHeight="1" x14ac:dyDescent="0.2">
      <c r="A27" s="23"/>
      <c r="B27" s="23"/>
      <c r="C27" s="10"/>
      <c r="D27" s="42"/>
      <c r="F27" s="14"/>
      <c r="G27" s="14"/>
      <c r="H27" s="14"/>
      <c r="I27" s="14"/>
      <c r="J27" s="26"/>
      <c r="K27" s="26"/>
      <c r="L27" s="26"/>
      <c r="M27" s="10"/>
    </row>
    <row r="28" spans="1:62" s="48" customFormat="1" ht="29.25" customHeight="1" thickBot="1" x14ac:dyDescent="0.3">
      <c r="A28" s="130" t="s">
        <v>57</v>
      </c>
      <c r="B28" s="130"/>
      <c r="C28" s="130"/>
      <c r="D28" s="130"/>
      <c r="E28" s="130"/>
      <c r="F28" s="130"/>
      <c r="G28" s="130"/>
      <c r="H28" s="130"/>
      <c r="I28" s="130"/>
      <c r="J28" s="130"/>
      <c r="K28" s="130"/>
      <c r="L28" s="64"/>
      <c r="M28" s="64"/>
      <c r="N28" s="64"/>
      <c r="O28" s="64"/>
      <c r="P28" s="64"/>
    </row>
    <row r="29" spans="1:62" s="39" customFormat="1" ht="33" customHeight="1" x14ac:dyDescent="0.25">
      <c r="A29" s="131" t="s">
        <v>25</v>
      </c>
      <c r="B29" s="124" t="s">
        <v>43</v>
      </c>
      <c r="C29" s="124" t="s">
        <v>44</v>
      </c>
      <c r="D29" s="124" t="s">
        <v>33</v>
      </c>
      <c r="E29" s="124" t="s">
        <v>35</v>
      </c>
      <c r="F29" s="124" t="s">
        <v>45</v>
      </c>
      <c r="G29" s="124" t="s">
        <v>46</v>
      </c>
      <c r="H29" s="127" t="s">
        <v>27</v>
      </c>
      <c r="I29" s="128"/>
      <c r="J29" s="129"/>
      <c r="K29" s="140" t="s">
        <v>49</v>
      </c>
      <c r="M29" s="50"/>
      <c r="N29" s="50"/>
      <c r="O29" s="50"/>
      <c r="P29" s="50"/>
    </row>
    <row r="30" spans="1:62" s="39" customFormat="1" ht="22.5" customHeight="1" x14ac:dyDescent="0.25">
      <c r="A30" s="132"/>
      <c r="B30" s="125"/>
      <c r="C30" s="125"/>
      <c r="D30" s="125"/>
      <c r="E30" s="125"/>
      <c r="F30" s="125"/>
      <c r="G30" s="125"/>
      <c r="H30" s="51" t="s">
        <v>28</v>
      </c>
      <c r="I30" s="52" t="s">
        <v>29</v>
      </c>
      <c r="J30" s="65" t="s">
        <v>30</v>
      </c>
      <c r="K30" s="141"/>
      <c r="M30" s="50"/>
      <c r="N30" s="50"/>
      <c r="O30" s="50"/>
      <c r="P30" s="50"/>
    </row>
    <row r="31" spans="1:62" s="40" customFormat="1" ht="14.1" customHeight="1" x14ac:dyDescent="0.25">
      <c r="A31" s="66" t="s">
        <v>0</v>
      </c>
      <c r="B31" s="67" t="s">
        <v>12</v>
      </c>
      <c r="C31" s="67" t="s">
        <v>13</v>
      </c>
      <c r="D31" s="68" t="s">
        <v>14</v>
      </c>
      <c r="E31" s="69" t="s">
        <v>15</v>
      </c>
      <c r="F31" s="68" t="s">
        <v>16</v>
      </c>
      <c r="G31" s="53" t="s">
        <v>17</v>
      </c>
      <c r="H31" s="70" t="s">
        <v>18</v>
      </c>
      <c r="I31" s="71" t="s">
        <v>19</v>
      </c>
      <c r="J31" s="72" t="s">
        <v>39</v>
      </c>
      <c r="K31" s="109" t="s">
        <v>40</v>
      </c>
      <c r="L31" s="110"/>
      <c r="M31" s="73"/>
      <c r="N31" s="73"/>
      <c r="O31" s="73"/>
      <c r="P31" s="73"/>
      <c r="Q31" s="49"/>
      <c r="R31" s="49"/>
      <c r="S31" s="49"/>
      <c r="T31" s="49"/>
      <c r="U31" s="49"/>
      <c r="V31" s="49"/>
      <c r="W31" s="49"/>
      <c r="X31" s="49"/>
      <c r="Y31" s="49"/>
      <c r="Z31" s="49"/>
      <c r="AA31" s="49"/>
      <c r="AB31" s="49"/>
      <c r="AC31" s="49"/>
      <c r="AD31" s="49"/>
      <c r="AE31" s="49"/>
      <c r="AF31" s="49"/>
      <c r="AG31" s="49"/>
      <c r="AH31" s="49"/>
      <c r="AI31" s="49"/>
      <c r="AJ31" s="49"/>
      <c r="AK31" s="49"/>
      <c r="AL31" s="49"/>
      <c r="AM31" s="49"/>
      <c r="AN31" s="49"/>
      <c r="AO31" s="49"/>
      <c r="AP31" s="49"/>
      <c r="AQ31" s="49"/>
      <c r="AR31" s="49"/>
      <c r="AS31" s="49"/>
      <c r="AT31" s="49"/>
      <c r="AU31" s="49"/>
      <c r="AV31" s="49"/>
      <c r="AW31" s="49"/>
      <c r="AX31" s="49"/>
      <c r="AY31" s="49"/>
      <c r="AZ31" s="49"/>
      <c r="BA31" s="49"/>
      <c r="BB31" s="49"/>
      <c r="BC31" s="49"/>
      <c r="BD31" s="49"/>
      <c r="BE31" s="49"/>
      <c r="BF31" s="49"/>
      <c r="BG31" s="49"/>
      <c r="BH31" s="49"/>
      <c r="BI31" s="49"/>
      <c r="BJ31" s="49"/>
    </row>
    <row r="32" spans="1:62" s="41" customFormat="1" ht="33" customHeight="1" x14ac:dyDescent="0.25">
      <c r="A32" s="74" t="s">
        <v>0</v>
      </c>
      <c r="B32" s="75"/>
      <c r="C32" s="76"/>
      <c r="D32" s="105"/>
      <c r="E32" s="105"/>
      <c r="F32" s="105"/>
      <c r="G32" s="105"/>
      <c r="H32" s="77"/>
      <c r="I32" s="78"/>
      <c r="J32" s="79"/>
      <c r="K32" s="142" t="s">
        <v>60</v>
      </c>
      <c r="L32" s="108"/>
      <c r="M32" s="54"/>
      <c r="N32" s="54"/>
      <c r="O32" s="54"/>
      <c r="P32" s="54"/>
    </row>
    <row r="33" spans="1:62" s="41" customFormat="1" ht="33" customHeight="1" x14ac:dyDescent="0.25">
      <c r="A33" s="80" t="s">
        <v>12</v>
      </c>
      <c r="B33" s="81"/>
      <c r="C33" s="82"/>
      <c r="D33" s="106"/>
      <c r="E33" s="106"/>
      <c r="F33" s="106"/>
      <c r="G33" s="107"/>
      <c r="H33" s="83"/>
      <c r="I33" s="84"/>
      <c r="J33" s="85"/>
      <c r="K33" s="143"/>
      <c r="L33" s="108"/>
      <c r="M33" s="54"/>
      <c r="N33" s="54"/>
      <c r="O33" s="54"/>
      <c r="P33" s="54"/>
    </row>
    <row r="34" spans="1:62" s="41" customFormat="1" ht="33" customHeight="1" thickBot="1" x14ac:dyDescent="0.3">
      <c r="A34" s="86" t="s">
        <v>13</v>
      </c>
      <c r="B34" s="87"/>
      <c r="C34" s="88"/>
      <c r="D34" s="89"/>
      <c r="E34" s="89"/>
      <c r="F34" s="89"/>
      <c r="G34" s="89"/>
      <c r="H34" s="90"/>
      <c r="I34" s="91"/>
      <c r="J34" s="92"/>
      <c r="K34" s="144"/>
      <c r="L34" s="108"/>
      <c r="M34" s="54"/>
      <c r="N34" s="54"/>
      <c r="O34" s="54"/>
      <c r="P34" s="54"/>
    </row>
    <row r="35" spans="1:62" s="13" customFormat="1" ht="15.75" customHeight="1" x14ac:dyDescent="0.2">
      <c r="A35" s="23"/>
      <c r="B35" s="23"/>
      <c r="C35" s="10"/>
      <c r="D35" s="42"/>
      <c r="F35" s="14"/>
      <c r="G35" s="14"/>
      <c r="H35" s="14"/>
      <c r="I35" s="14"/>
      <c r="J35" s="26"/>
      <c r="K35" s="26"/>
      <c r="L35" s="26"/>
      <c r="M35" s="10"/>
    </row>
    <row r="36" spans="1:62" s="48" customFormat="1" ht="29.25" customHeight="1" thickBot="1" x14ac:dyDescent="0.3">
      <c r="A36" s="130" t="s">
        <v>58</v>
      </c>
      <c r="B36" s="130"/>
      <c r="C36" s="130"/>
      <c r="D36" s="130"/>
      <c r="E36" s="130"/>
      <c r="F36" s="130"/>
      <c r="G36" s="130"/>
      <c r="H36" s="130"/>
      <c r="I36" s="130"/>
      <c r="J36" s="130"/>
      <c r="K36" s="130"/>
      <c r="L36" s="64"/>
      <c r="M36" s="64"/>
      <c r="N36" s="64"/>
      <c r="O36" s="64"/>
      <c r="P36" s="64"/>
    </row>
    <row r="37" spans="1:62" s="39" customFormat="1" ht="33" customHeight="1" x14ac:dyDescent="0.25">
      <c r="A37" s="131" t="s">
        <v>25</v>
      </c>
      <c r="B37" s="124" t="s">
        <v>43</v>
      </c>
      <c r="C37" s="124" t="s">
        <v>44</v>
      </c>
      <c r="D37" s="124" t="s">
        <v>33</v>
      </c>
      <c r="E37" s="124" t="s">
        <v>35</v>
      </c>
      <c r="F37" s="124" t="s">
        <v>45</v>
      </c>
      <c r="G37" s="124" t="s">
        <v>46</v>
      </c>
      <c r="H37" s="127" t="s">
        <v>27</v>
      </c>
      <c r="I37" s="128"/>
      <c r="J37" s="129"/>
      <c r="K37" s="140" t="s">
        <v>49</v>
      </c>
      <c r="M37" s="50"/>
      <c r="N37" s="50"/>
      <c r="O37" s="50"/>
      <c r="P37" s="50"/>
    </row>
    <row r="38" spans="1:62" s="39" customFormat="1" ht="22.5" customHeight="1" x14ac:dyDescent="0.25">
      <c r="A38" s="132"/>
      <c r="B38" s="125"/>
      <c r="C38" s="125"/>
      <c r="D38" s="125"/>
      <c r="E38" s="125"/>
      <c r="F38" s="125"/>
      <c r="G38" s="125"/>
      <c r="H38" s="51" t="s">
        <v>28</v>
      </c>
      <c r="I38" s="52" t="s">
        <v>29</v>
      </c>
      <c r="J38" s="65" t="s">
        <v>30</v>
      </c>
      <c r="K38" s="141"/>
      <c r="M38" s="50"/>
      <c r="N38" s="50"/>
      <c r="O38" s="50"/>
      <c r="P38" s="50"/>
    </row>
    <row r="39" spans="1:62" s="40" customFormat="1" ht="14.1" customHeight="1" x14ac:dyDescent="0.25">
      <c r="A39" s="66" t="s">
        <v>0</v>
      </c>
      <c r="B39" s="67" t="s">
        <v>12</v>
      </c>
      <c r="C39" s="67" t="s">
        <v>13</v>
      </c>
      <c r="D39" s="68" t="s">
        <v>14</v>
      </c>
      <c r="E39" s="69" t="s">
        <v>15</v>
      </c>
      <c r="F39" s="68" t="s">
        <v>16</v>
      </c>
      <c r="G39" s="53" t="s">
        <v>17</v>
      </c>
      <c r="H39" s="70" t="s">
        <v>18</v>
      </c>
      <c r="I39" s="71" t="s">
        <v>19</v>
      </c>
      <c r="J39" s="72" t="s">
        <v>39</v>
      </c>
      <c r="K39" s="109" t="s">
        <v>40</v>
      </c>
      <c r="L39" s="110"/>
      <c r="M39" s="73"/>
      <c r="N39" s="73"/>
      <c r="O39" s="73"/>
      <c r="P39" s="73"/>
      <c r="Q39" s="49"/>
      <c r="R39" s="49"/>
      <c r="S39" s="49"/>
      <c r="T39" s="49"/>
      <c r="U39" s="49"/>
      <c r="V39" s="49"/>
      <c r="W39" s="49"/>
      <c r="X39" s="49"/>
      <c r="Y39" s="49"/>
      <c r="Z39" s="49"/>
      <c r="AA39" s="49"/>
      <c r="AB39" s="49"/>
      <c r="AC39" s="49"/>
      <c r="AD39" s="49"/>
      <c r="AE39" s="49"/>
      <c r="AF39" s="49"/>
      <c r="AG39" s="49"/>
      <c r="AH39" s="49"/>
      <c r="AI39" s="49"/>
      <c r="AJ39" s="49"/>
      <c r="AK39" s="49"/>
      <c r="AL39" s="49"/>
      <c r="AM39" s="49"/>
      <c r="AN39" s="49"/>
      <c r="AO39" s="49"/>
      <c r="AP39" s="49"/>
      <c r="AQ39" s="49"/>
      <c r="AR39" s="49"/>
      <c r="AS39" s="49"/>
      <c r="AT39" s="49"/>
      <c r="AU39" s="49"/>
      <c r="AV39" s="49"/>
      <c r="AW39" s="49"/>
      <c r="AX39" s="49"/>
      <c r="AY39" s="49"/>
      <c r="AZ39" s="49"/>
      <c r="BA39" s="49"/>
      <c r="BB39" s="49"/>
      <c r="BC39" s="49"/>
      <c r="BD39" s="49"/>
      <c r="BE39" s="49"/>
      <c r="BF39" s="49"/>
      <c r="BG39" s="49"/>
      <c r="BH39" s="49"/>
      <c r="BI39" s="49"/>
      <c r="BJ39" s="49"/>
    </row>
    <row r="40" spans="1:62" s="41" customFormat="1" ht="33" customHeight="1" x14ac:dyDescent="0.25">
      <c r="A40" s="74" t="s">
        <v>0</v>
      </c>
      <c r="B40" s="75"/>
      <c r="C40" s="76"/>
      <c r="D40" s="105"/>
      <c r="E40" s="105"/>
      <c r="F40" s="105"/>
      <c r="G40" s="105"/>
      <c r="H40" s="77"/>
      <c r="I40" s="78"/>
      <c r="J40" s="79"/>
      <c r="K40" s="142" t="s">
        <v>61</v>
      </c>
      <c r="L40" s="108"/>
      <c r="M40" s="54"/>
      <c r="N40" s="54"/>
      <c r="O40" s="54"/>
      <c r="P40" s="54"/>
    </row>
    <row r="41" spans="1:62" s="41" customFormat="1" ht="33" customHeight="1" x14ac:dyDescent="0.25">
      <c r="A41" s="80" t="s">
        <v>12</v>
      </c>
      <c r="B41" s="81"/>
      <c r="C41" s="82"/>
      <c r="D41" s="106"/>
      <c r="E41" s="106"/>
      <c r="F41" s="106"/>
      <c r="G41" s="107"/>
      <c r="H41" s="83"/>
      <c r="I41" s="84"/>
      <c r="J41" s="85"/>
      <c r="K41" s="143"/>
      <c r="L41" s="108"/>
      <c r="M41" s="54"/>
      <c r="N41" s="54"/>
      <c r="O41" s="54"/>
      <c r="P41" s="54"/>
    </row>
    <row r="42" spans="1:62" s="41" customFormat="1" ht="33" customHeight="1" thickBot="1" x14ac:dyDescent="0.3">
      <c r="A42" s="86" t="s">
        <v>13</v>
      </c>
      <c r="B42" s="87"/>
      <c r="C42" s="88"/>
      <c r="D42" s="89"/>
      <c r="E42" s="89"/>
      <c r="F42" s="89"/>
      <c r="G42" s="89"/>
      <c r="H42" s="90"/>
      <c r="I42" s="91"/>
      <c r="J42" s="92"/>
      <c r="K42" s="144"/>
      <c r="L42" s="108"/>
      <c r="M42" s="54"/>
      <c r="N42" s="54"/>
      <c r="O42" s="54"/>
      <c r="P42" s="54"/>
    </row>
    <row r="43" spans="1:62" s="41" customFormat="1" ht="33" customHeight="1" x14ac:dyDescent="0.25">
      <c r="A43" s="93"/>
      <c r="B43" s="94"/>
      <c r="C43" s="94"/>
      <c r="D43" s="93"/>
      <c r="E43" s="93"/>
      <c r="F43" s="93"/>
      <c r="G43" s="93"/>
      <c r="H43" s="93"/>
      <c r="I43" s="95"/>
      <c r="J43" s="96"/>
      <c r="K43" s="95"/>
      <c r="L43" s="97"/>
      <c r="M43" s="54"/>
      <c r="N43" s="54"/>
      <c r="O43" s="54"/>
      <c r="P43" s="54"/>
    </row>
    <row r="44" spans="1:62" s="18" customFormat="1" ht="20.100000000000001" customHeight="1" x14ac:dyDescent="0.2">
      <c r="A44" s="43" t="s">
        <v>3</v>
      </c>
      <c r="B44" s="43"/>
      <c r="C44" s="112"/>
      <c r="D44" s="112"/>
      <c r="E44" s="25"/>
      <c r="F44" s="17"/>
      <c r="G44" s="17"/>
      <c r="H44" s="17"/>
      <c r="I44" s="17"/>
      <c r="J44" s="17"/>
      <c r="K44" s="26"/>
      <c r="L44" s="26"/>
    </row>
    <row r="45" spans="1:62" s="18" customFormat="1" ht="20.100000000000001" customHeight="1" x14ac:dyDescent="0.2">
      <c r="A45" s="43" t="s">
        <v>4</v>
      </c>
      <c r="B45" s="43"/>
      <c r="C45" s="113"/>
      <c r="D45" s="113"/>
      <c r="E45" s="20"/>
      <c r="F45" s="17"/>
      <c r="G45" s="17"/>
      <c r="H45" s="17"/>
      <c r="I45" s="17"/>
      <c r="J45" s="17"/>
      <c r="K45" s="21"/>
      <c r="L45" s="22"/>
    </row>
    <row r="46" spans="1:62" s="18" customFormat="1" ht="20.100000000000001" customHeight="1" x14ac:dyDescent="0.2">
      <c r="A46" s="43" t="s">
        <v>5</v>
      </c>
      <c r="B46" s="43"/>
      <c r="C46" s="113"/>
      <c r="D46" s="113"/>
      <c r="E46" s="20"/>
      <c r="F46" s="17"/>
      <c r="G46" s="17"/>
      <c r="H46" s="17"/>
      <c r="I46" s="17"/>
      <c r="J46" s="17"/>
      <c r="K46" s="21"/>
      <c r="L46" s="22"/>
    </row>
    <row r="47" spans="1:62" s="18" customFormat="1" ht="20.100000000000001" customHeight="1" x14ac:dyDescent="0.25">
      <c r="A47" s="43"/>
      <c r="B47" s="43"/>
      <c r="C47" s="43"/>
      <c r="D47" s="19"/>
      <c r="E47" s="20"/>
      <c r="F47" s="17"/>
      <c r="G47" s="17"/>
      <c r="H47" s="17"/>
      <c r="I47" s="17"/>
      <c r="J47" s="17"/>
      <c r="K47" s="21"/>
      <c r="L47" s="22"/>
    </row>
    <row r="48" spans="1:62" s="18" customFormat="1" ht="20.100000000000001" customHeight="1" x14ac:dyDescent="0.2">
      <c r="A48" s="43" t="s">
        <v>6</v>
      </c>
      <c r="B48" s="43"/>
      <c r="C48" s="112"/>
      <c r="D48" s="112"/>
      <c r="E48" s="20"/>
      <c r="F48" s="17"/>
      <c r="G48" s="17"/>
      <c r="H48" s="17"/>
      <c r="I48" s="17"/>
      <c r="J48" s="17"/>
      <c r="K48" s="21"/>
      <c r="L48" s="22"/>
    </row>
    <row r="49" spans="1:13" s="18" customFormat="1" ht="20.100000000000001" customHeight="1" x14ac:dyDescent="0.2">
      <c r="A49" s="43" t="s">
        <v>7</v>
      </c>
      <c r="B49" s="43"/>
      <c r="C49" s="113"/>
      <c r="D49" s="113"/>
      <c r="E49" s="20"/>
      <c r="F49" s="17"/>
      <c r="G49" s="27" t="s">
        <v>20</v>
      </c>
      <c r="H49" s="117"/>
      <c r="I49" s="117"/>
      <c r="J49" s="17"/>
      <c r="K49" s="21"/>
      <c r="L49" s="22"/>
    </row>
    <row r="50" spans="1:13" s="18" customFormat="1" ht="20.100000000000001" customHeight="1" x14ac:dyDescent="0.2">
      <c r="A50" s="43" t="s">
        <v>8</v>
      </c>
      <c r="B50" s="43"/>
      <c r="C50" s="113"/>
      <c r="D50" s="113"/>
      <c r="E50" s="20"/>
      <c r="F50" s="17"/>
      <c r="G50" s="28"/>
      <c r="H50" s="29"/>
      <c r="I50" s="29"/>
    </row>
    <row r="51" spans="1:13" s="18" customFormat="1" ht="20.100000000000001" customHeight="1" x14ac:dyDescent="0.25">
      <c r="A51" s="19"/>
      <c r="B51" s="19"/>
      <c r="C51" s="19"/>
      <c r="D51" s="20"/>
      <c r="E51" s="20"/>
      <c r="F51" s="17"/>
      <c r="G51" s="30" t="s">
        <v>21</v>
      </c>
      <c r="H51" s="118"/>
      <c r="I51" s="118"/>
    </row>
    <row r="52" spans="1:13" s="18" customFormat="1" ht="20.100000000000001" customHeight="1" x14ac:dyDescent="0.25">
      <c r="A52" s="19"/>
      <c r="B52" s="19"/>
      <c r="C52" s="19"/>
      <c r="D52" s="20"/>
      <c r="E52" s="20"/>
      <c r="F52" s="17"/>
      <c r="G52" s="30" t="s">
        <v>22</v>
      </c>
      <c r="H52" s="116"/>
      <c r="I52" s="116"/>
    </row>
    <row r="53" spans="1:13" s="13" customFormat="1" ht="20.100000000000001" customHeight="1" x14ac:dyDescent="0.2">
      <c r="A53" s="10" t="s">
        <v>2</v>
      </c>
      <c r="B53" s="113"/>
      <c r="C53" s="113"/>
      <c r="D53" s="11"/>
      <c r="E53" s="11"/>
      <c r="F53" s="14"/>
      <c r="G53" s="31" t="s">
        <v>23</v>
      </c>
      <c r="H53" s="28"/>
      <c r="I53" s="32"/>
      <c r="M53" s="10"/>
    </row>
    <row r="54" spans="1:13" s="13" customFormat="1" ht="20.100000000000001" customHeight="1" x14ac:dyDescent="0.2">
      <c r="A54" s="10" t="s">
        <v>1</v>
      </c>
      <c r="B54" s="115"/>
      <c r="C54" s="115"/>
      <c r="D54" s="11"/>
      <c r="E54" s="11"/>
      <c r="F54" s="14"/>
      <c r="G54" s="14"/>
      <c r="H54" s="14"/>
      <c r="I54" s="14"/>
      <c r="M54" s="10"/>
    </row>
    <row r="55" spans="1:13" s="13" customFormat="1" x14ac:dyDescent="0.2">
      <c r="A55" s="10"/>
      <c r="B55" s="10"/>
      <c r="C55" s="10"/>
      <c r="D55" s="11"/>
      <c r="E55" s="11"/>
      <c r="F55" s="14"/>
      <c r="G55" s="14"/>
      <c r="H55" s="14"/>
      <c r="I55" s="14"/>
      <c r="J55" s="14"/>
      <c r="K55" s="12"/>
      <c r="L55" s="10"/>
      <c r="M55" s="10"/>
    </row>
    <row r="56" spans="1:13" s="13" customFormat="1" ht="15" customHeight="1" x14ac:dyDescent="0.2">
      <c r="A56" s="10"/>
      <c r="B56" s="10"/>
      <c r="D56" s="11"/>
      <c r="E56" s="11"/>
      <c r="F56" s="14"/>
      <c r="G56" s="14"/>
      <c r="H56" s="14"/>
      <c r="I56" s="14"/>
      <c r="J56" s="14"/>
      <c r="K56" s="12"/>
      <c r="L56" s="10"/>
      <c r="M56" s="10"/>
    </row>
    <row r="57" spans="1:13" s="2" customFormat="1" x14ac:dyDescent="0.2">
      <c r="A57" s="114" t="s">
        <v>10</v>
      </c>
      <c r="B57" s="114"/>
      <c r="D57" s="3"/>
      <c r="E57" s="3"/>
      <c r="F57" s="4"/>
      <c r="G57" s="4"/>
      <c r="H57" s="4"/>
      <c r="I57" s="4"/>
      <c r="J57" s="4"/>
      <c r="K57" s="15"/>
    </row>
    <row r="58" spans="1:13" ht="14.25" x14ac:dyDescent="0.2">
      <c r="A58" s="33"/>
      <c r="B58" s="34" t="s">
        <v>11</v>
      </c>
    </row>
    <row r="59" spans="1:13" ht="6.75" customHeight="1" x14ac:dyDescent="0.2">
      <c r="A59" s="35"/>
      <c r="B59" s="36"/>
    </row>
  </sheetData>
  <mergeCells count="67">
    <mergeCell ref="K24:K26"/>
    <mergeCell ref="A28:K28"/>
    <mergeCell ref="K40:K42"/>
    <mergeCell ref="K32:K34"/>
    <mergeCell ref="A36:K36"/>
    <mergeCell ref="A37:A38"/>
    <mergeCell ref="B37:B38"/>
    <mergeCell ref="C37:C38"/>
    <mergeCell ref="D37:D38"/>
    <mergeCell ref="E37:E38"/>
    <mergeCell ref="F37:F38"/>
    <mergeCell ref="G37:G38"/>
    <mergeCell ref="H37:J37"/>
    <mergeCell ref="K37:K38"/>
    <mergeCell ref="F29:F30"/>
    <mergeCell ref="G29:G30"/>
    <mergeCell ref="H29:J29"/>
    <mergeCell ref="K29:K30"/>
    <mergeCell ref="K13:K14"/>
    <mergeCell ref="K16:K18"/>
    <mergeCell ref="H21:J21"/>
    <mergeCell ref="A20:K20"/>
    <mergeCell ref="A21:A22"/>
    <mergeCell ref="K21:K22"/>
    <mergeCell ref="B21:B22"/>
    <mergeCell ref="A29:A30"/>
    <mergeCell ref="B29:B30"/>
    <mergeCell ref="C29:C30"/>
    <mergeCell ref="D29:D30"/>
    <mergeCell ref="E29:E30"/>
    <mergeCell ref="A1:M1"/>
    <mergeCell ref="H13:J13"/>
    <mergeCell ref="A12:K12"/>
    <mergeCell ref="A13:A14"/>
    <mergeCell ref="B13:B14"/>
    <mergeCell ref="C13:C14"/>
    <mergeCell ref="D13:D14"/>
    <mergeCell ref="E13:E14"/>
    <mergeCell ref="F13:F14"/>
    <mergeCell ref="G13:G1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C21:C22"/>
    <mergeCell ref="D21:D22"/>
    <mergeCell ref="E21:E22"/>
    <mergeCell ref="F21:F22"/>
    <mergeCell ref="G21:G22"/>
    <mergeCell ref="A57:B57"/>
    <mergeCell ref="B53:C53"/>
    <mergeCell ref="B54:C54"/>
    <mergeCell ref="H52:I52"/>
    <mergeCell ref="H49:I49"/>
    <mergeCell ref="H51:I51"/>
    <mergeCell ref="C48:D48"/>
    <mergeCell ref="C49:D49"/>
    <mergeCell ref="C50:D50"/>
    <mergeCell ref="C46:D46"/>
    <mergeCell ref="C44:D44"/>
    <mergeCell ref="C45:D45"/>
  </mergeCells>
  <conditionalFormatting sqref="B53:C53">
    <cfRule type="containsBlanks" dxfId="5" priority="21">
      <formula>LEN(TRIM(B53))=0</formula>
    </cfRule>
  </conditionalFormatting>
  <conditionalFormatting sqref="B54:C54">
    <cfRule type="containsBlanks" dxfId="4" priority="20">
      <formula>LEN(TRIM(B54))=0</formula>
    </cfRule>
  </conditionalFormatting>
  <conditionalFormatting sqref="H51:I51">
    <cfRule type="containsBlanks" dxfId="3" priority="7">
      <formula>LEN(TRIM(H51))=0</formula>
    </cfRule>
  </conditionalFormatting>
  <conditionalFormatting sqref="H52:I52">
    <cfRule type="containsBlanks" dxfId="2" priority="6">
      <formula>LEN(TRIM(H52))=0</formula>
    </cfRule>
  </conditionalFormatting>
  <conditionalFormatting sqref="C44:D46">
    <cfRule type="containsBlanks" dxfId="1" priority="2">
      <formula>LEN(TRIM(C44))=0</formula>
    </cfRule>
  </conditionalFormatting>
  <conditionalFormatting sqref="C48:D50">
    <cfRule type="containsBlanks" dxfId="0" priority="1">
      <formula>LEN(TRIM(C48))=0</formula>
    </cfRule>
  </conditionalFormatting>
  <pageMargins left="0.74803149606299213" right="0.74803149606299213" top="0.98425196850393704" bottom="0.98425196850393704" header="0.51181102362204722" footer="0.51181102362204722"/>
  <pageSetup paperSize="9" scale="32" orientation="landscape" r:id="rId1"/>
  <headerFooter alignWithMargins="0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08-27T05:37:35Z</cp:lastPrinted>
  <dcterms:created xsi:type="dcterms:W3CDTF">2016-07-20T08:41:08Z</dcterms:created>
  <dcterms:modified xsi:type="dcterms:W3CDTF">2022-08-09T12:03:47Z</dcterms:modified>
</cp:coreProperties>
</file>